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70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806" autoAdjust="0"/>
    <p:restoredTop sz="94660"/>
  </p:normalViewPr>
  <p:slideViewPr>
    <p:cSldViewPr snapToGrid="0">
      <p:cViewPr varScale="1">
        <p:scale>
          <a:sx n="90" d="100"/>
          <a:sy n="90" d="100"/>
        </p:scale>
        <p:origin x="582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27.04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AA48CFCD-73C7-49BA-8D64-6890C5A087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62939" y="68495"/>
            <a:ext cx="6266122" cy="6721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067700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Während Projekt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Powerbutton und </a:t>
            </a:r>
            <a:r>
              <a:rPr lang="de-DE" dirty="0" err="1"/>
              <a:t>MikroSD</a:t>
            </a:r>
            <a:r>
              <a:rPr lang="de-DE" dirty="0"/>
              <a:t> implementieren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Hardware fertig verbau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Nach Projektende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21424183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Mindestmessbereich von 400 ppm bis 5000 ppm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10873555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Zugriff auf Messdaten über SD-Karte</a:t>
                      </a: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22199050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-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k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4,9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762720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73,14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F6ADE89B-A243-4BBA-B8A0-DFC7774E8AB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1169" y="1495207"/>
            <a:ext cx="7789659" cy="5280934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28</Words>
  <Application>Microsoft Office PowerPoint</Application>
  <PresentationFormat>Breitbild</PresentationFormat>
  <Paragraphs>133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69</cp:revision>
  <dcterms:created xsi:type="dcterms:W3CDTF">2020-03-02T15:47:06Z</dcterms:created>
  <dcterms:modified xsi:type="dcterms:W3CDTF">2020-04-27T07:48:09Z</dcterms:modified>
</cp:coreProperties>
</file>